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1EF56DD" w14:textId="77777777" w:rsidR="0048597A" w:rsidRDefault="0048597A" w:rsidP="0048597A">
      <w:pPr>
        <w:rPr>
          <w:rFonts w:ascii="Arial" w:hAnsi="Arial" w:cs="Arial"/>
          <w:b/>
          <w:bCs/>
          <w:sz w:val="24"/>
          <w:szCs w:val="24"/>
          <w:lang w:val="en-US"/>
        </w:rPr>
      </w:pPr>
      <w:r>
        <w:rPr>
          <w:rFonts w:ascii="Arial" w:hAnsi="Arial" w:cs="Arial"/>
          <w:b/>
          <w:bCs/>
          <w:sz w:val="24"/>
          <w:szCs w:val="24"/>
          <w:lang w:val="en-US"/>
        </w:rPr>
        <w:t>S5 Table</w:t>
      </w:r>
    </w:p>
    <w:p w14:paraId="65E4476E" w14:textId="77777777" w:rsidR="0048597A" w:rsidRPr="00A6215B" w:rsidRDefault="0048597A" w:rsidP="0048597A">
      <w:pPr>
        <w:rPr>
          <w:rFonts w:ascii="Arial" w:hAnsi="Arial" w:cs="Arial"/>
          <w:b/>
          <w:bCs/>
          <w:sz w:val="24"/>
          <w:szCs w:val="24"/>
          <w:lang w:val="en-US"/>
        </w:rPr>
      </w:pPr>
      <w:r w:rsidRPr="00A6215B">
        <w:rPr>
          <w:rFonts w:ascii="Arial" w:hAnsi="Arial" w:cs="Arial"/>
          <w:b/>
          <w:bCs/>
          <w:sz w:val="24"/>
          <w:szCs w:val="24"/>
          <w:lang w:val="en-US"/>
        </w:rPr>
        <w:t>Comprehensive summary of established severity classifications that reached consensus in this study.</w:t>
      </w:r>
    </w:p>
    <w:p w14:paraId="01953D6D" w14:textId="77777777" w:rsidR="0048597A" w:rsidRPr="00A6215B" w:rsidRDefault="0048597A" w:rsidP="0048597A">
      <w:pPr>
        <w:rPr>
          <w:rFonts w:ascii="Arial" w:hAnsi="Arial" w:cs="Arial"/>
          <w:b/>
          <w:bCs/>
          <w:sz w:val="20"/>
          <w:szCs w:val="20"/>
          <w:lang w:val="en-US"/>
        </w:rPr>
      </w:pPr>
    </w:p>
    <w:tbl>
      <w:tblPr>
        <w:tblStyle w:val="PlainTable2"/>
        <w:tblW w:w="9214" w:type="dxa"/>
        <w:tblLook w:val="04A0" w:firstRow="1" w:lastRow="0" w:firstColumn="1" w:lastColumn="0" w:noHBand="0" w:noVBand="1"/>
      </w:tblPr>
      <w:tblGrid>
        <w:gridCol w:w="1805"/>
        <w:gridCol w:w="3122"/>
        <w:gridCol w:w="4287"/>
      </w:tblGrid>
      <w:tr w:rsidR="0048597A" w:rsidRPr="00A6215B" w14:paraId="091FBC3C" w14:textId="77777777" w:rsidTr="00391A2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76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25" w:type="dxa"/>
            <w:vAlign w:val="center"/>
            <w:hideMark/>
          </w:tcPr>
          <w:p w14:paraId="556238BE" w14:textId="77777777" w:rsidR="0048597A" w:rsidRPr="00A6215B" w:rsidRDefault="0048597A" w:rsidP="00391A26">
            <w:pPr>
              <w:spacing w:line="256" w:lineRule="auto"/>
              <w:jc w:val="center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Times New Roman" w:hAnsi="Arial" w:cs="Arial"/>
                <w:kern w:val="24"/>
                <w:sz w:val="20"/>
                <w:szCs w:val="20"/>
                <w:lang w:eastAsia="en-CA"/>
              </w:rPr>
              <w:t>Category</w:t>
            </w:r>
          </w:p>
        </w:tc>
        <w:tc>
          <w:tcPr>
            <w:tcW w:w="3195" w:type="dxa"/>
            <w:vAlign w:val="center"/>
            <w:hideMark/>
          </w:tcPr>
          <w:p w14:paraId="3427A911" w14:textId="77777777" w:rsidR="0048597A" w:rsidRPr="00A6215B" w:rsidRDefault="0048597A" w:rsidP="00391A26">
            <w:pPr>
              <w:spacing w:line="256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Times New Roman" w:hAnsi="Arial" w:cs="Arial"/>
                <w:kern w:val="24"/>
                <w:sz w:val="20"/>
                <w:szCs w:val="20"/>
                <w:lang w:eastAsia="en-CA"/>
              </w:rPr>
              <w:t>Intensity</w:t>
            </w:r>
          </w:p>
        </w:tc>
        <w:tc>
          <w:tcPr>
            <w:tcW w:w="4394" w:type="dxa"/>
            <w:vAlign w:val="center"/>
            <w:hideMark/>
          </w:tcPr>
          <w:p w14:paraId="708DC086" w14:textId="77777777" w:rsidR="0048597A" w:rsidRPr="00A6215B" w:rsidRDefault="0048597A" w:rsidP="00391A26">
            <w:pPr>
              <w:spacing w:line="256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kern w:val="24"/>
                <w:sz w:val="20"/>
                <w:szCs w:val="20"/>
                <w:lang w:eastAsia="en-CA"/>
              </w:rPr>
              <w:t>Impact on patient</w:t>
            </w:r>
          </w:p>
        </w:tc>
      </w:tr>
      <w:tr w:rsidR="0048597A" w:rsidRPr="00A6215B" w14:paraId="211BE137" w14:textId="77777777" w:rsidTr="00391A2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41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dxa"/>
            <w:vAlign w:val="center"/>
            <w:hideMark/>
          </w:tcPr>
          <w:p w14:paraId="2184FE79" w14:textId="77777777" w:rsidR="0048597A" w:rsidRPr="00A6215B" w:rsidRDefault="0048597A" w:rsidP="00391A26">
            <w:pPr>
              <w:spacing w:line="256" w:lineRule="auto"/>
              <w:jc w:val="center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>MILD</w:t>
            </w:r>
          </w:p>
        </w:tc>
        <w:tc>
          <w:tcPr>
            <w:tcW w:w="0" w:type="dxa"/>
            <w:hideMark/>
          </w:tcPr>
          <w:p w14:paraId="06233609" w14:textId="77777777" w:rsidR="0048597A" w:rsidRPr="00A6215B" w:rsidRDefault="0048597A" w:rsidP="00391A26">
            <w:pPr>
              <w:spacing w:line="25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Low intensity, ranging between 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1-3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 on an 11-point numeric scale.</w:t>
            </w:r>
          </w:p>
        </w:tc>
        <w:tc>
          <w:tcPr>
            <w:tcW w:w="0" w:type="dxa"/>
            <w:hideMark/>
          </w:tcPr>
          <w:p w14:paraId="0FDCB517" w14:textId="77777777" w:rsidR="0048597A" w:rsidRPr="00A6215B" w:rsidRDefault="0048597A" w:rsidP="00391A26">
            <w:pPr>
              <w:spacing w:line="25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No impact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 on a patient’s activities, but has 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a tolerable interference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 on participation, and quality of life.</w:t>
            </w:r>
          </w:p>
        </w:tc>
      </w:tr>
      <w:tr w:rsidR="0048597A" w:rsidRPr="00A6215B" w14:paraId="2DFC5CEC" w14:textId="77777777" w:rsidTr="00391A26">
        <w:trPr>
          <w:trHeight w:val="141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dxa"/>
            <w:vAlign w:val="center"/>
            <w:hideMark/>
          </w:tcPr>
          <w:p w14:paraId="459BB4C0" w14:textId="77777777" w:rsidR="0048597A" w:rsidRPr="00A6215B" w:rsidRDefault="0048597A" w:rsidP="00391A26">
            <w:pPr>
              <w:spacing w:line="256" w:lineRule="auto"/>
              <w:jc w:val="center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>MODERATE</w:t>
            </w:r>
          </w:p>
        </w:tc>
        <w:tc>
          <w:tcPr>
            <w:tcW w:w="0" w:type="dxa"/>
            <w:hideMark/>
          </w:tcPr>
          <w:p w14:paraId="01720551" w14:textId="77777777" w:rsidR="0048597A" w:rsidRPr="00A6215B" w:rsidRDefault="0048597A" w:rsidP="00391A26">
            <w:pPr>
              <w:spacing w:line="256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Moderate intensity, ranging between 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3-6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 on an 11-point numeric scale.</w:t>
            </w:r>
          </w:p>
        </w:tc>
        <w:tc>
          <w:tcPr>
            <w:tcW w:w="0" w:type="dxa"/>
            <w:hideMark/>
          </w:tcPr>
          <w:p w14:paraId="0E42A68E" w14:textId="77777777" w:rsidR="0048597A" w:rsidRPr="00A6215B" w:rsidRDefault="0048597A" w:rsidP="00391A26">
            <w:pPr>
              <w:spacing w:line="256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Some interference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 with a patient’s activities, participation, and quality of life.</w:t>
            </w:r>
          </w:p>
        </w:tc>
      </w:tr>
      <w:tr w:rsidR="0048597A" w:rsidRPr="00A6215B" w14:paraId="6D70FCBB" w14:textId="77777777" w:rsidTr="00391A2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41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dxa"/>
            <w:vAlign w:val="center"/>
            <w:hideMark/>
          </w:tcPr>
          <w:p w14:paraId="458585B7" w14:textId="77777777" w:rsidR="0048597A" w:rsidRPr="00A6215B" w:rsidRDefault="0048597A" w:rsidP="00391A26">
            <w:pPr>
              <w:spacing w:line="256" w:lineRule="auto"/>
              <w:jc w:val="center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>SEVERE</w:t>
            </w:r>
          </w:p>
        </w:tc>
        <w:tc>
          <w:tcPr>
            <w:tcW w:w="0" w:type="dxa"/>
            <w:hideMark/>
          </w:tcPr>
          <w:p w14:paraId="2E67939D" w14:textId="77777777" w:rsidR="0048597A" w:rsidRPr="00A6215B" w:rsidRDefault="0048597A" w:rsidP="00391A26">
            <w:pPr>
              <w:spacing w:line="25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High intensity, ranging between 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6-8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 on an 11-point numeric scale.</w:t>
            </w:r>
          </w:p>
        </w:tc>
        <w:tc>
          <w:tcPr>
            <w:tcW w:w="0" w:type="dxa"/>
            <w:hideMark/>
          </w:tcPr>
          <w:p w14:paraId="5696ACD3" w14:textId="77777777" w:rsidR="0048597A" w:rsidRPr="00A6215B" w:rsidRDefault="0048597A" w:rsidP="00391A26">
            <w:pPr>
              <w:spacing w:line="25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Not life threatening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, but has 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considerable interference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 with a patient’s activities, participation, and quality of life.</w:t>
            </w:r>
          </w:p>
        </w:tc>
      </w:tr>
      <w:tr w:rsidR="0048597A" w:rsidRPr="00A6215B" w14:paraId="63C72627" w14:textId="77777777" w:rsidTr="00391A26">
        <w:trPr>
          <w:trHeight w:val="141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0" w:type="dxa"/>
            <w:vAlign w:val="center"/>
            <w:hideMark/>
          </w:tcPr>
          <w:p w14:paraId="229C8939" w14:textId="77777777" w:rsidR="0048597A" w:rsidRPr="00A6215B" w:rsidRDefault="0048597A" w:rsidP="00391A26">
            <w:pPr>
              <w:spacing w:line="256" w:lineRule="auto"/>
              <w:jc w:val="center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>CATASTROPHIC</w:t>
            </w:r>
          </w:p>
        </w:tc>
        <w:tc>
          <w:tcPr>
            <w:tcW w:w="0" w:type="dxa"/>
            <w:hideMark/>
          </w:tcPr>
          <w:p w14:paraId="6A4909C6" w14:textId="77777777" w:rsidR="0048597A" w:rsidRPr="00A6215B" w:rsidRDefault="0048597A" w:rsidP="00391A26">
            <w:pPr>
              <w:spacing w:line="256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Significant intensity, ranging between 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8-10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 on an 11-point numeric scale.</w:t>
            </w:r>
          </w:p>
        </w:tc>
        <w:tc>
          <w:tcPr>
            <w:tcW w:w="0" w:type="dxa"/>
            <w:hideMark/>
          </w:tcPr>
          <w:p w14:paraId="0F08E85E" w14:textId="77777777" w:rsidR="0048597A" w:rsidRPr="00A6215B" w:rsidRDefault="0048597A" w:rsidP="00391A26">
            <w:pPr>
              <w:spacing w:line="256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sz w:val="20"/>
                <w:szCs w:val="20"/>
                <w:lang w:eastAsia="en-CA"/>
              </w:rPr>
            </w:pP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Life-threatening and could result in death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, 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u w:val="single"/>
                <w:lang w:eastAsia="en-CA"/>
              </w:rPr>
              <w:t>totally disrupts</w:t>
            </w:r>
            <w:r w:rsidRPr="00A6215B">
              <w:rPr>
                <w:rFonts w:ascii="Arial" w:eastAsia="Calibri" w:hAnsi="Arial" w:cs="Arial"/>
                <w:color w:val="000000" w:themeColor="text1"/>
                <w:kern w:val="24"/>
                <w:sz w:val="20"/>
                <w:szCs w:val="20"/>
                <w:lang w:eastAsia="en-CA"/>
              </w:rPr>
              <w:t xml:space="preserve"> a patient’s activities, participation, and quality of life.</w:t>
            </w:r>
          </w:p>
        </w:tc>
      </w:tr>
    </w:tbl>
    <w:p w14:paraId="6A0F955C" w14:textId="77777777" w:rsidR="0048597A" w:rsidRPr="00A6215B" w:rsidRDefault="0048597A" w:rsidP="0048597A">
      <w:pPr>
        <w:rPr>
          <w:rFonts w:ascii="Arial" w:hAnsi="Arial" w:cs="Arial"/>
          <w:sz w:val="20"/>
          <w:szCs w:val="20"/>
        </w:rPr>
      </w:pPr>
    </w:p>
    <w:p w14:paraId="72E1D98A" w14:textId="77777777" w:rsidR="0048597A" w:rsidRPr="00A6215B" w:rsidRDefault="0048597A" w:rsidP="0048597A">
      <w:pPr>
        <w:rPr>
          <w:rFonts w:ascii="Arial" w:hAnsi="Arial" w:cs="Arial"/>
          <w:sz w:val="20"/>
          <w:szCs w:val="20"/>
        </w:rPr>
      </w:pPr>
      <w:r w:rsidRPr="00A6215B">
        <w:rPr>
          <w:rFonts w:ascii="Arial" w:hAnsi="Arial" w:cs="Arial"/>
          <w:sz w:val="20"/>
          <w:szCs w:val="20"/>
        </w:rPr>
        <w:t>Note: The overlapping numeric scores provides the flexibility to account for symptom subjectivity. For example, if a patient reported an adverse event with symptom intensity of 3 (overlapping between a “mild” and a “moderate” severity), the impact of the symptom on the patient’s activities, participation and quality of life could be used to determine the adverse event severity.</w:t>
      </w:r>
    </w:p>
    <w:p w14:paraId="744923A2" w14:textId="77777777" w:rsidR="00E76CA1" w:rsidRPr="006D56F4" w:rsidRDefault="00E76CA1" w:rsidP="006D56F4"/>
    <w:sectPr w:rsidR="00E76CA1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2AFEACB" w14:textId="77777777" w:rsidR="0048597A" w:rsidRDefault="0048597A" w:rsidP="00115E35">
      <w:pPr>
        <w:spacing w:after="0" w:line="240" w:lineRule="auto"/>
      </w:pPr>
      <w:r>
        <w:separator/>
      </w:r>
    </w:p>
  </w:endnote>
  <w:endnote w:type="continuationSeparator" w:id="0">
    <w:p w14:paraId="5ACB96B4" w14:textId="77777777" w:rsidR="0048597A" w:rsidRDefault="0048597A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7114BBB" w14:textId="77777777" w:rsidR="0048597A" w:rsidRDefault="0048597A" w:rsidP="00115E35">
      <w:pPr>
        <w:spacing w:after="0" w:line="240" w:lineRule="auto"/>
      </w:pPr>
      <w:r>
        <w:separator/>
      </w:r>
    </w:p>
  </w:footnote>
  <w:footnote w:type="continuationSeparator" w:id="0">
    <w:p w14:paraId="33046197" w14:textId="77777777" w:rsidR="0048597A" w:rsidRDefault="0048597A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8597A"/>
    <w:rsid w:val="00033327"/>
    <w:rsid w:val="0003435D"/>
    <w:rsid w:val="0003486B"/>
    <w:rsid w:val="00115E35"/>
    <w:rsid w:val="001502F1"/>
    <w:rsid w:val="00174AE2"/>
    <w:rsid w:val="002A1263"/>
    <w:rsid w:val="00363045"/>
    <w:rsid w:val="003C3083"/>
    <w:rsid w:val="0048597A"/>
    <w:rsid w:val="00691EDE"/>
    <w:rsid w:val="006D56F4"/>
    <w:rsid w:val="00807DED"/>
    <w:rsid w:val="00931E05"/>
    <w:rsid w:val="00A72CF2"/>
    <w:rsid w:val="00BA13C9"/>
    <w:rsid w:val="00BE32A1"/>
    <w:rsid w:val="00E76C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D0AFC63"/>
  <w15:chartTrackingRefBased/>
  <w15:docId w15:val="{E1596B54-BB95-46F3-9E27-4F19D7CE7FC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48597A"/>
    <w:rPr>
      <w:lang w:val="en-CA"/>
    </w:rPr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  <w:lang w:val="da-DK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  <w:lang w:val="da-DK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  <w:rPr>
      <w:lang w:val="da-DK"/>
    </w:r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  <w:rPr>
      <w:lang w:val="da-DK"/>
    </w:r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  <w:lang w:val="da-DK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  <w:lang w:val="da-DK"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  <w:lang w:val="da-DK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  <w:rPr>
      <w:lang w:val="da-DK"/>
    </w:rPr>
  </w:style>
  <w:style w:type="table" w:styleId="PlainTable2">
    <w:name w:val="Plain Table 2"/>
    <w:basedOn w:val="TableNormal"/>
    <w:uiPriority w:val="42"/>
    <w:rsid w:val="0048597A"/>
    <w:pPr>
      <w:spacing w:after="0" w:line="240" w:lineRule="auto"/>
    </w:pPr>
    <w:rPr>
      <w:lang w:val="en-C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funabashi\AppData\Local\Temp\Templafy\WordVsto\vlmdldh4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lmdldh4.dotx</Template>
  <TotalTime>0</TotalTime>
  <Pages>1</Pages>
  <Words>180</Words>
  <Characters>1098</Characters>
  <Application>Microsoft Office Word</Application>
  <DocSecurity>0</DocSecurity>
  <Lines>9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tha Funabashi</dc:creator>
  <cp:keywords/>
  <dc:description/>
  <cp:lastModifiedBy>Martha Funabashi</cp:lastModifiedBy>
  <cp:revision>1</cp:revision>
  <dcterms:created xsi:type="dcterms:W3CDTF">2025-10-14T12:51:00Z</dcterms:created>
  <dcterms:modified xsi:type="dcterms:W3CDTF">2025-10-14T12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1262012369165353350</vt:lpwstr>
  </property>
  <property fmtid="{D5CDD505-2E9C-101B-9397-08002B2CF9AE}" pid="5" name="TemplafyFromBlank">
    <vt:bool>true</vt:bool>
  </property>
</Properties>
</file>